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0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000" autoAdjust="0"/>
    <p:restoredTop sz="94660"/>
  </p:normalViewPr>
  <p:slideViewPr>
    <p:cSldViewPr snapToGrid="0">
      <p:cViewPr varScale="1">
        <p:scale>
          <a:sx n="115" d="100"/>
          <a:sy n="115" d="100"/>
        </p:scale>
        <p:origin x="144" y="10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8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8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8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8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8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8/5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8/5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8/5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8/5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8/5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8/5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8/5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3" name="OTLSHAPE_TB_00000000000000000000000000000000_LeftEndCaps" hidden="1">
            <a:extLst>
              <a:ext uri="{FF2B5EF4-FFF2-40B4-BE49-F238E27FC236}">
                <a16:creationId xmlns:a16="http://schemas.microsoft.com/office/drawing/2014/main" id="{5FFD8E77-76F5-4309-9C82-9D1F65C02994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dirty="0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254" name="OTLSHAPE_TB_00000000000000000000000000000000_RightEndCaps">
            <a:extLst>
              <a:ext uri="{FF2B5EF4-FFF2-40B4-BE49-F238E27FC236}">
                <a16:creationId xmlns:a16="http://schemas.microsoft.com/office/drawing/2014/main" id="{0F879683-1446-43EE-90E4-9221984FF365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199230" y="71956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255" name="OTLSHAPE_TB_00000000000000000000000000000000_ScaleContainer">
            <a:extLst>
              <a:ext uri="{FF2B5EF4-FFF2-40B4-BE49-F238E27FC236}">
                <a16:creationId xmlns:a16="http://schemas.microsoft.com/office/drawing/2014/main" id="{35464DF3-C9CE-427C-8AE3-8054C30867E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569161" y="668594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6" name="OTLSHAPE_TB_00000000000000000000000000000000_ElapsedTime">
            <a:extLst>
              <a:ext uri="{FF2B5EF4-FFF2-40B4-BE49-F238E27FC236}">
                <a16:creationId xmlns:a16="http://schemas.microsoft.com/office/drawing/2014/main" id="{BB7A68C3-7ECE-489D-B1D3-72A516DDFAFC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569161" y="668594"/>
            <a:ext cx="8509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TB_00000000000000000000000000000000_TodayMarkerShape" hidden="1">
            <a:extLst>
              <a:ext uri="{FF2B5EF4-FFF2-40B4-BE49-F238E27FC236}">
                <a16:creationId xmlns:a16="http://schemas.microsoft.com/office/drawing/2014/main" id="{D14328BF-5442-4736-BDAD-9CAB1F904BA8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639402" y="34290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" name="OTLSHAPE_TB_00000000000000000000000000000000_TodayMarkerText" hidden="1">
            <a:extLst>
              <a:ext uri="{FF2B5EF4-FFF2-40B4-BE49-F238E27FC236}">
                <a16:creationId xmlns:a16="http://schemas.microsoft.com/office/drawing/2014/main" id="{DAC482CB-1127-455C-9A15-14631FAA3EBB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693831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59" name="OTLSHAPE_TB_00000000000000000000000000000000_TimescaleInterval1">
            <a:extLst>
              <a:ext uri="{FF2B5EF4-FFF2-40B4-BE49-F238E27FC236}">
                <a16:creationId xmlns:a16="http://schemas.microsoft.com/office/drawing/2014/main" id="{C5721010-412C-4060-ABEA-CDF3CDCD5038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797761" y="766067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dirty="0">
                <a:solidFill>
                  <a:schemeClr val="lt1"/>
                </a:solidFill>
                <a:latin typeface="Calibri" panose="020F0502020204030204" pitchFamily="34" charset="0"/>
              </a:rPr>
              <a:t>August</a:t>
            </a:r>
          </a:p>
        </p:txBody>
      </p:sp>
      <p:sp>
        <p:nvSpPr>
          <p:cNvPr id="261" name="OTLSHAPE_TB_00000000000000000000000000000000_TimescaleInterval2">
            <a:extLst>
              <a:ext uri="{FF2B5EF4-FFF2-40B4-BE49-F238E27FC236}">
                <a16:creationId xmlns:a16="http://schemas.microsoft.com/office/drawing/2014/main" id="{956337A0-22FD-4309-A27E-0A1F47F40BE6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4188720" y="76606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3" name="OTLSHAPE_TB_00000000000000000000000000000000_TimescaleInterval3">
            <a:extLst>
              <a:ext uri="{FF2B5EF4-FFF2-40B4-BE49-F238E27FC236}">
                <a16:creationId xmlns:a16="http://schemas.microsoft.com/office/drawing/2014/main" id="{A5323D62-6A47-4EEE-905A-1F5670EC8EE1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7579678" y="76606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4" name="OTLSHAPE_T_4bd9358d59f24936a95049748f3f5a02_Shape">
            <a:extLst>
              <a:ext uri="{FF2B5EF4-FFF2-40B4-BE49-F238E27FC236}">
                <a16:creationId xmlns:a16="http://schemas.microsoft.com/office/drawing/2014/main" id="{0A15FE1A-CBA8-493A-BB76-72B27602C8C0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419386" y="1423313"/>
            <a:ext cx="4953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T_4bd9358d59f24936a95049748f3f5a02_ShapePercentage" hidden="1">
            <a:extLst>
              <a:ext uri="{FF2B5EF4-FFF2-40B4-BE49-F238E27FC236}">
                <a16:creationId xmlns:a16="http://schemas.microsoft.com/office/drawing/2014/main" id="{AF76ADC5-78DA-4020-A203-10FAE308B8A0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978411" y="380271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6" name="OTLSHAPE_T_4bd9358d59f24936a95049748f3f5a02_Duration" hidden="1">
            <a:extLst>
              <a:ext uri="{FF2B5EF4-FFF2-40B4-BE49-F238E27FC236}">
                <a16:creationId xmlns:a16="http://schemas.microsoft.com/office/drawing/2014/main" id="{281AC57A-EACD-4FB0-B0B0-AB8C9666CCD7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0" y="363220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267" name="OTLSHAPE_T_4bd9358d59f24936a95049748f3f5a02_TextPercentage" hidden="1">
            <a:extLst>
              <a:ext uri="{FF2B5EF4-FFF2-40B4-BE49-F238E27FC236}">
                <a16:creationId xmlns:a16="http://schemas.microsoft.com/office/drawing/2014/main" id="{4443A48D-BD8D-4F8E-8387-3BF813163C0D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68" name="OTLSHAPE_T_4bd9358d59f24936a95049748f3f5a02_JoinedDate" hidden="1">
            <a:extLst>
              <a:ext uri="{FF2B5EF4-FFF2-40B4-BE49-F238E27FC236}">
                <a16:creationId xmlns:a16="http://schemas.microsoft.com/office/drawing/2014/main" id="{1FAF8709-408A-4FB2-BE37-F315D8E611F1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9" name="OTLSHAPE_T_4bd9358d59f24936a95049748f3f5a02_StartDate">
            <a:extLst>
              <a:ext uri="{FF2B5EF4-FFF2-40B4-BE49-F238E27FC236}">
                <a16:creationId xmlns:a16="http://schemas.microsoft.com/office/drawing/2014/main" id="{5B65C405-810A-4486-8D06-C80BAF3C9A06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884123" y="14474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8/6/2019</a:t>
            </a:r>
          </a:p>
        </p:txBody>
      </p:sp>
      <p:sp>
        <p:nvSpPr>
          <p:cNvPr id="270" name="OTLSHAPE_T_4bd9358d59f24936a95049748f3f5a02_Title">
            <a:extLst>
              <a:ext uri="{FF2B5EF4-FFF2-40B4-BE49-F238E27FC236}">
                <a16:creationId xmlns:a16="http://schemas.microsoft.com/office/drawing/2014/main" id="{A65A827B-8CF0-4C69-B4FE-F1854F93BD3A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703107" y="1252794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Understanding The Goal</a:t>
            </a:r>
          </a:p>
        </p:txBody>
      </p:sp>
      <p:sp>
        <p:nvSpPr>
          <p:cNvPr id="271" name="OTLSHAPE_T_4bd9358d59f24936a95049748f3f5a02_EndDate">
            <a:extLst>
              <a:ext uri="{FF2B5EF4-FFF2-40B4-BE49-F238E27FC236}">
                <a16:creationId xmlns:a16="http://schemas.microsoft.com/office/drawing/2014/main" id="{8EB7AA89-CAE7-41C4-BC0F-C61B9A3BC65F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954272" y="15249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2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2" name="OTLSHAPE_T_0eb7ce2f0ef54f97bbf91bbb9b5b160a_Shape">
            <a:extLst>
              <a:ext uri="{FF2B5EF4-FFF2-40B4-BE49-F238E27FC236}">
                <a16:creationId xmlns:a16="http://schemas.microsoft.com/office/drawing/2014/main" id="{D37F37F9-329A-4F55-B4E4-39BE0CB56BA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903808" y="1860531"/>
            <a:ext cx="14605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3" name="OTLSHAPE_T_0eb7ce2f0ef54f97bbf91bbb9b5b160a_ShapePercentage" hidden="1">
            <a:extLst>
              <a:ext uri="{FF2B5EF4-FFF2-40B4-BE49-F238E27FC236}">
                <a16:creationId xmlns:a16="http://schemas.microsoft.com/office/drawing/2014/main" id="{23D786E5-6E56-4635-9E81-4BBC3AF483A0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462833" y="423993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T_0eb7ce2f0ef54f97bbf91bbb9b5b160a_Duration" hidden="1">
            <a:extLst>
              <a:ext uri="{FF2B5EF4-FFF2-40B4-BE49-F238E27FC236}">
                <a16:creationId xmlns:a16="http://schemas.microsoft.com/office/drawing/2014/main" id="{5D1A3D36-5EB7-42D6-AE06-E3E3724403B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0" y="406941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275" name="OTLSHAPE_T_0eb7ce2f0ef54f97bbf91bbb9b5b160a_TextPercentage" hidden="1">
            <a:extLst>
              <a:ext uri="{FF2B5EF4-FFF2-40B4-BE49-F238E27FC236}">
                <a16:creationId xmlns:a16="http://schemas.microsoft.com/office/drawing/2014/main" id="{385F8AB2-4FC3-442D-AFAE-CDDBA6A5C54B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0" y="42244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76" name="OTLSHAPE_T_0eb7ce2f0ef54f97bbf91bbb9b5b160a_JoinedDate" hidden="1">
            <a:extLst>
              <a:ext uri="{FF2B5EF4-FFF2-40B4-BE49-F238E27FC236}">
                <a16:creationId xmlns:a16="http://schemas.microsoft.com/office/drawing/2014/main" id="{623F7EEB-43FE-4B5A-B7DA-E5231966CFB8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0" y="42244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7" name="OTLSHAPE_T_0eb7ce2f0ef54f97bbf91bbb9b5b160a_StartDate">
            <a:extLst>
              <a:ext uri="{FF2B5EF4-FFF2-40B4-BE49-F238E27FC236}">
                <a16:creationId xmlns:a16="http://schemas.microsoft.com/office/drawing/2014/main" id="{75E858E9-BF84-4D47-A6F2-80AEF3905B9C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368546" y="188461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8/7/2019</a:t>
            </a:r>
          </a:p>
        </p:txBody>
      </p:sp>
      <p:sp>
        <p:nvSpPr>
          <p:cNvPr id="278" name="OTLSHAPE_T_0eb7ce2f0ef54f97bbf91bbb9b5b160a_Title">
            <a:extLst>
              <a:ext uri="{FF2B5EF4-FFF2-40B4-BE49-F238E27FC236}">
                <a16:creationId xmlns:a16="http://schemas.microsoft.com/office/drawing/2014/main" id="{B9C4EBB2-6C17-429D-B6C8-6C3289392349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903807" y="1690634"/>
            <a:ext cx="388624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Gather Existing Knowledge, Expose Assumptions and Unknowns.</a:t>
            </a:r>
          </a:p>
        </p:txBody>
      </p:sp>
      <p:sp>
        <p:nvSpPr>
          <p:cNvPr id="279" name="OTLSHAPE_T_0eb7ce2f0ef54f97bbf91bbb9b5b160a_EndDate">
            <a:extLst>
              <a:ext uri="{FF2B5EF4-FFF2-40B4-BE49-F238E27FC236}">
                <a16:creationId xmlns:a16="http://schemas.microsoft.com/office/drawing/2014/main" id="{AC57BD7D-C6B5-48BF-8AC1-A7A2BA9B4D6A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407539" y="188461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8/9/2019</a:t>
            </a:r>
          </a:p>
        </p:txBody>
      </p:sp>
      <p:sp>
        <p:nvSpPr>
          <p:cNvPr id="280" name="OTLSHAPE_T_782103027827430e9b37f3f72f2f6153_Shape">
            <a:extLst>
              <a:ext uri="{FF2B5EF4-FFF2-40B4-BE49-F238E27FC236}">
                <a16:creationId xmlns:a16="http://schemas.microsoft.com/office/drawing/2014/main" id="{20E7605A-1092-4124-AAF0-F03DB56AD702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872654" y="2297750"/>
            <a:ext cx="4953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1" name="OTLSHAPE_T_782103027827430e9b37f3f72f2f6153_ShapePercentage" hidden="1">
            <a:extLst>
              <a:ext uri="{FF2B5EF4-FFF2-40B4-BE49-F238E27FC236}">
                <a16:creationId xmlns:a16="http://schemas.microsoft.com/office/drawing/2014/main" id="{7317C234-89AF-470A-9F51-5A1F5032CABC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431679" y="467715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2" name="OTLSHAPE_T_782103027827430e9b37f3f72f2f6153_Duration" hidden="1">
            <a:extLst>
              <a:ext uri="{FF2B5EF4-FFF2-40B4-BE49-F238E27FC236}">
                <a16:creationId xmlns:a16="http://schemas.microsoft.com/office/drawing/2014/main" id="{A329E848-0AD7-4F65-B1E8-A1E096611E62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0" y="450663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283" name="OTLSHAPE_T_782103027827430e9b37f3f72f2f6153_TextPercentage" hidden="1">
            <a:extLst>
              <a:ext uri="{FF2B5EF4-FFF2-40B4-BE49-F238E27FC236}">
                <a16:creationId xmlns:a16="http://schemas.microsoft.com/office/drawing/2014/main" id="{B915DB8C-3C00-452C-9D42-68E3D5F8A6FA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0" y="46616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84" name="OTLSHAPE_T_782103027827430e9b37f3f72f2f6153_JoinedDate" hidden="1">
            <a:extLst>
              <a:ext uri="{FF2B5EF4-FFF2-40B4-BE49-F238E27FC236}">
                <a16:creationId xmlns:a16="http://schemas.microsoft.com/office/drawing/2014/main" id="{5A7F2C00-6E5D-40DF-ACFC-424BF1F93DF5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0" y="46616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5" name="OTLSHAPE_T_782103027827430e9b37f3f72f2f6153_StartDate">
            <a:extLst>
              <a:ext uri="{FF2B5EF4-FFF2-40B4-BE49-F238E27FC236}">
                <a16:creationId xmlns:a16="http://schemas.microsoft.com/office/drawing/2014/main" id="{E129AC96-7569-4A14-BF4C-44D7292E6F66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337391" y="232183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8/9/2019</a:t>
            </a:r>
          </a:p>
        </p:txBody>
      </p:sp>
      <p:sp>
        <p:nvSpPr>
          <p:cNvPr id="286" name="OTLSHAPE_T_782103027827430e9b37f3f72f2f6153_Title">
            <a:extLst>
              <a:ext uri="{FF2B5EF4-FFF2-40B4-BE49-F238E27FC236}">
                <a16:creationId xmlns:a16="http://schemas.microsoft.com/office/drawing/2014/main" id="{97517B04-5524-4C03-8D09-7105571B98E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872654" y="2127231"/>
            <a:ext cx="368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lluminate all Paths and find who the Safe Driver Product is For.</a:t>
            </a:r>
          </a:p>
        </p:txBody>
      </p:sp>
      <p:sp>
        <p:nvSpPr>
          <p:cNvPr id="287" name="OTLSHAPE_T_782103027827430e9b37f3f72f2f6153_EndDate">
            <a:extLst>
              <a:ext uri="{FF2B5EF4-FFF2-40B4-BE49-F238E27FC236}">
                <a16:creationId xmlns:a16="http://schemas.microsoft.com/office/drawing/2014/main" id="{75DB7791-42AB-47E0-BAAC-82DA64901F9C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3407539" y="23993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2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8" name="OTLSHAPE_T_ffe07132b8b14d289d56b56fb92edd97_Shape">
            <a:extLst>
              <a:ext uri="{FF2B5EF4-FFF2-40B4-BE49-F238E27FC236}">
                <a16:creationId xmlns:a16="http://schemas.microsoft.com/office/drawing/2014/main" id="{49E08528-140C-4112-BDA3-9E4836BF370E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536212" y="2735589"/>
            <a:ext cx="495300" cy="2032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9" name="OTLSHAPE_T_ffe07132b8b14d289d56b56fb92edd97_ShapePercentage" hidden="1">
            <a:extLst>
              <a:ext uri="{FF2B5EF4-FFF2-40B4-BE49-F238E27FC236}">
                <a16:creationId xmlns:a16="http://schemas.microsoft.com/office/drawing/2014/main" id="{95CC183E-7BD5-470F-B6C4-0D6627771AFC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884946" y="511437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0" name="OTLSHAPE_T_ffe07132b8b14d289d56b56fb92edd97_Duration" hidden="1">
            <a:extLst>
              <a:ext uri="{FF2B5EF4-FFF2-40B4-BE49-F238E27FC236}">
                <a16:creationId xmlns:a16="http://schemas.microsoft.com/office/drawing/2014/main" id="{64C1615F-0A39-49E1-82F9-4C0DB1A70AE6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0" y="4943856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291" name="OTLSHAPE_T_ffe07132b8b14d289d56b56fb92edd97_TextPercentage" hidden="1">
            <a:extLst>
              <a:ext uri="{FF2B5EF4-FFF2-40B4-BE49-F238E27FC236}">
                <a16:creationId xmlns:a16="http://schemas.microsoft.com/office/drawing/2014/main" id="{1F4566BC-4757-43B7-BCC0-CA93AB3ED389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0" y="5098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92" name="OTLSHAPE_T_ffe07132b8b14d289d56b56fb92edd97_JoinedDate" hidden="1">
            <a:extLst>
              <a:ext uri="{FF2B5EF4-FFF2-40B4-BE49-F238E27FC236}">
                <a16:creationId xmlns:a16="http://schemas.microsoft.com/office/drawing/2014/main" id="{38417478-D173-42C6-A76A-EA2A365B20D2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0" y="5098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3" name="OTLSHAPE_T_ffe07132b8b14d289d56b56fb92edd97_StartDate">
            <a:extLst>
              <a:ext uri="{FF2B5EF4-FFF2-40B4-BE49-F238E27FC236}">
                <a16:creationId xmlns:a16="http://schemas.microsoft.com/office/drawing/2014/main" id="{77AAEF1F-9A49-47C7-8E0D-D0509325A20C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936561" y="275967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8/12/2019</a:t>
            </a:r>
          </a:p>
        </p:txBody>
      </p:sp>
      <p:sp>
        <p:nvSpPr>
          <p:cNvPr id="294" name="OTLSHAPE_T_ffe07132b8b14d289d56b56fb92edd97_Title">
            <a:extLst>
              <a:ext uri="{FF2B5EF4-FFF2-40B4-BE49-F238E27FC236}">
                <a16:creationId xmlns:a16="http://schemas.microsoft.com/office/drawing/2014/main" id="{DC5F6D73-13D2-4DDE-B049-E33EB5EAFD6B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536212" y="2565070"/>
            <a:ext cx="332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lan The Very First Prototype Using all The Info Gathered.</a:t>
            </a:r>
          </a:p>
        </p:txBody>
      </p:sp>
      <p:sp>
        <p:nvSpPr>
          <p:cNvPr id="295" name="OTLSHAPE_T_ffe07132b8b14d289d56b56fb92edd97_EndDate">
            <a:extLst>
              <a:ext uri="{FF2B5EF4-FFF2-40B4-BE49-F238E27FC236}">
                <a16:creationId xmlns:a16="http://schemas.microsoft.com/office/drawing/2014/main" id="{B537FAC6-9D25-4D20-886B-9F9DF136245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071098" y="28371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2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6" name="OTLSHAPE_T_e7ed8b0e8bb84dda8ac5a8c68b1286a7_Shape">
            <a:extLst>
              <a:ext uri="{FF2B5EF4-FFF2-40B4-BE49-F238E27FC236}">
                <a16:creationId xmlns:a16="http://schemas.microsoft.com/office/drawing/2014/main" id="{2175773E-5504-4D3A-A128-BCA405D4C28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505058" y="3172807"/>
            <a:ext cx="495300" cy="203200"/>
          </a:xfrm>
          <a:prstGeom prst="roundRect">
            <a:avLst>
              <a:gd name="adj" fmla="val 100000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7" name="OTLSHAPE_T_e7ed8b0e8bb84dda8ac5a8c68b1286a7_ShapePercentage" hidden="1">
            <a:extLst>
              <a:ext uri="{FF2B5EF4-FFF2-40B4-BE49-F238E27FC236}">
                <a16:creationId xmlns:a16="http://schemas.microsoft.com/office/drawing/2014/main" id="{487E5D24-0340-4AC6-A65D-0E3A10C75AF9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853792" y="555159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8" name="OTLSHAPE_T_e7ed8b0e8bb84dda8ac5a8c68b1286a7_Duration" hidden="1">
            <a:extLst>
              <a:ext uri="{FF2B5EF4-FFF2-40B4-BE49-F238E27FC236}">
                <a16:creationId xmlns:a16="http://schemas.microsoft.com/office/drawing/2014/main" id="{09A04B7B-CC91-45CE-B6E5-D5EB81E134D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0" y="53810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299" name="OTLSHAPE_T_e7ed8b0e8bb84dda8ac5a8c68b1286a7_TextPercentage" hidden="1">
            <a:extLst>
              <a:ext uri="{FF2B5EF4-FFF2-40B4-BE49-F238E27FC236}">
                <a16:creationId xmlns:a16="http://schemas.microsoft.com/office/drawing/2014/main" id="{91529E2A-2993-4A03-BB19-315D6415DCD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0" y="55360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0" name="OTLSHAPE_T_e7ed8b0e8bb84dda8ac5a8c68b1286a7_JoinedDate" hidden="1">
            <a:extLst>
              <a:ext uri="{FF2B5EF4-FFF2-40B4-BE49-F238E27FC236}">
                <a16:creationId xmlns:a16="http://schemas.microsoft.com/office/drawing/2014/main" id="{26E3DFB2-1F64-44BD-8451-A643168DE11E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0" y="55360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1" name="OTLSHAPE_T_e7ed8b0e8bb84dda8ac5a8c68b1286a7_StartDate">
            <a:extLst>
              <a:ext uri="{FF2B5EF4-FFF2-40B4-BE49-F238E27FC236}">
                <a16:creationId xmlns:a16="http://schemas.microsoft.com/office/drawing/2014/main" id="{113112E5-6C2F-4542-B03B-2652E4F802E0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905406" y="319689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8/14/2019</a:t>
            </a:r>
          </a:p>
        </p:txBody>
      </p:sp>
      <p:sp>
        <p:nvSpPr>
          <p:cNvPr id="302" name="OTLSHAPE_T_e7ed8b0e8bb84dda8ac5a8c68b1286a7_Title">
            <a:extLst>
              <a:ext uri="{FF2B5EF4-FFF2-40B4-BE49-F238E27FC236}">
                <a16:creationId xmlns:a16="http://schemas.microsoft.com/office/drawing/2014/main" id="{ABFB9351-91F0-4E33-B7AF-64C7A0FC26A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505058" y="3002289"/>
            <a:ext cx="440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Build The Very First Prototype To Do The Very Basic Function It Needs To Do.</a:t>
            </a:r>
          </a:p>
        </p:txBody>
      </p:sp>
      <p:sp>
        <p:nvSpPr>
          <p:cNvPr id="303" name="OTLSHAPE_T_e7ed8b0e8bb84dda8ac5a8c68b1286a7_EndDate">
            <a:extLst>
              <a:ext uri="{FF2B5EF4-FFF2-40B4-BE49-F238E27FC236}">
                <a16:creationId xmlns:a16="http://schemas.microsoft.com/office/drawing/2014/main" id="{9F00551B-74FA-42C0-A46C-E8BCDC777F4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039944" y="32744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2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4" name="OTLSHAPE_T_1f6491694c4e40739754003dd53510cd_Shape">
            <a:extLst>
              <a:ext uri="{FF2B5EF4-FFF2-40B4-BE49-F238E27FC236}">
                <a16:creationId xmlns:a16="http://schemas.microsoft.com/office/drawing/2014/main" id="{66A702AC-6569-4D30-9932-D00F5EE82F4C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5473903" y="3610026"/>
            <a:ext cx="1943100" cy="203200"/>
          </a:xfrm>
          <a:prstGeom prst="roundRect">
            <a:avLst>
              <a:gd name="adj" fmla="val 10000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5" name="OTLSHAPE_T_1f6491694c4e40739754003dd53510cd_ShapePercentage" hidden="1">
            <a:extLst>
              <a:ext uri="{FF2B5EF4-FFF2-40B4-BE49-F238E27FC236}">
                <a16:creationId xmlns:a16="http://schemas.microsoft.com/office/drawing/2014/main" id="{20C11320-4F42-414B-B9C7-CB798FAF2635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6822637" y="598881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6" name="OTLSHAPE_T_1f6491694c4e40739754003dd53510cd_Duration" hidden="1">
            <a:extLst>
              <a:ext uri="{FF2B5EF4-FFF2-40B4-BE49-F238E27FC236}">
                <a16:creationId xmlns:a16="http://schemas.microsoft.com/office/drawing/2014/main" id="{8F169F15-6115-4DB7-9A58-68B2CDE069F0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0" y="581829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307" name="OTLSHAPE_T_1f6491694c4e40739754003dd53510cd_TextPercentage" hidden="1">
            <a:extLst>
              <a:ext uri="{FF2B5EF4-FFF2-40B4-BE49-F238E27FC236}">
                <a16:creationId xmlns:a16="http://schemas.microsoft.com/office/drawing/2014/main" id="{A900FEDE-B6CA-41B7-8E90-CBF36342530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0" y="597331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8" name="OTLSHAPE_T_1f6491694c4e40739754003dd53510cd_JoinedDate" hidden="1">
            <a:extLst>
              <a:ext uri="{FF2B5EF4-FFF2-40B4-BE49-F238E27FC236}">
                <a16:creationId xmlns:a16="http://schemas.microsoft.com/office/drawing/2014/main" id="{93C8865F-00EE-426B-A3E8-820B75927308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0" y="597331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9" name="OTLSHAPE_T_1f6491694c4e40739754003dd53510cd_StartDate">
            <a:extLst>
              <a:ext uri="{FF2B5EF4-FFF2-40B4-BE49-F238E27FC236}">
                <a16:creationId xmlns:a16="http://schemas.microsoft.com/office/drawing/2014/main" id="{4800BFDD-E059-4F0C-AA96-BF179FA1BB8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874251" y="363411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8/16/2019</a:t>
            </a:r>
          </a:p>
        </p:txBody>
      </p:sp>
      <p:sp>
        <p:nvSpPr>
          <p:cNvPr id="310" name="OTLSHAPE_T_1f6491694c4e40739754003dd53510cd_Title">
            <a:extLst>
              <a:ext uri="{FF2B5EF4-FFF2-40B4-BE49-F238E27FC236}">
                <a16:creationId xmlns:a16="http://schemas.microsoft.com/office/drawing/2014/main" id="{EDA1BF5C-0BBB-493B-AC96-C02C792D9F00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473903" y="3439507"/>
            <a:ext cx="269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Begin Testing, Gather Data, Record Everything.</a:t>
            </a:r>
          </a:p>
        </p:txBody>
      </p:sp>
      <p:sp>
        <p:nvSpPr>
          <p:cNvPr id="311" name="OTLSHAPE_T_1f6491694c4e40739754003dd53510cd_EndDate">
            <a:extLst>
              <a:ext uri="{FF2B5EF4-FFF2-40B4-BE49-F238E27FC236}">
                <a16:creationId xmlns:a16="http://schemas.microsoft.com/office/drawing/2014/main" id="{599843AE-868E-404E-8A0E-975CF78B079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462057" y="363411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8/19/2019</a:t>
            </a:r>
          </a:p>
        </p:txBody>
      </p:sp>
      <p:sp>
        <p:nvSpPr>
          <p:cNvPr id="312" name="OTLSHAPE_T_6f19bab56d6448ffb2c03ce498558685_Shape">
            <a:extLst>
              <a:ext uri="{FF2B5EF4-FFF2-40B4-BE49-F238E27FC236}">
                <a16:creationId xmlns:a16="http://schemas.microsoft.com/office/drawing/2014/main" id="{1C44E665-64EB-4426-9AF6-021B2D3980D8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927171" y="4047245"/>
            <a:ext cx="495300" cy="203200"/>
          </a:xfrm>
          <a:prstGeom prst="roundRect">
            <a:avLst>
              <a:gd name="adj" fmla="val 10000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3" name="OTLSHAPE_T_6f19bab56d6448ffb2c03ce498558685_ShapePercentage" hidden="1">
            <a:extLst>
              <a:ext uri="{FF2B5EF4-FFF2-40B4-BE49-F238E27FC236}">
                <a16:creationId xmlns:a16="http://schemas.microsoft.com/office/drawing/2014/main" id="{26240746-2A1E-4D1D-B62F-C8D71B1C3B96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8275905" y="642603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4" name="OTLSHAPE_T_6f19bab56d6448ffb2c03ce498558685_Duration" hidden="1">
            <a:extLst>
              <a:ext uri="{FF2B5EF4-FFF2-40B4-BE49-F238E27FC236}">
                <a16:creationId xmlns:a16="http://schemas.microsoft.com/office/drawing/2014/main" id="{1AAF2FF5-555F-48EB-B183-ACBB8D7E88DD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0" y="625551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315" name="OTLSHAPE_T_6f19bab56d6448ffb2c03ce498558685_TextPercentage" hidden="1">
            <a:extLst>
              <a:ext uri="{FF2B5EF4-FFF2-40B4-BE49-F238E27FC236}">
                <a16:creationId xmlns:a16="http://schemas.microsoft.com/office/drawing/2014/main" id="{BC39B108-1F8F-49B3-A62F-6367068E908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0" y="64105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16" name="OTLSHAPE_T_6f19bab56d6448ffb2c03ce498558685_JoinedDate" hidden="1">
            <a:extLst>
              <a:ext uri="{FF2B5EF4-FFF2-40B4-BE49-F238E27FC236}">
                <a16:creationId xmlns:a16="http://schemas.microsoft.com/office/drawing/2014/main" id="{4C53429D-3C5C-4B11-B79D-6F751DEA01AC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0" y="64105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7" name="OTLSHAPE_T_6f19bab56d6448ffb2c03ce498558685_StartDate">
            <a:extLst>
              <a:ext uri="{FF2B5EF4-FFF2-40B4-BE49-F238E27FC236}">
                <a16:creationId xmlns:a16="http://schemas.microsoft.com/office/drawing/2014/main" id="{9D16972B-EF0D-4B60-AF7E-ACD45A3B13B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27519" y="407133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8/19/2019</a:t>
            </a:r>
          </a:p>
        </p:txBody>
      </p:sp>
      <p:sp>
        <p:nvSpPr>
          <p:cNvPr id="318" name="OTLSHAPE_T_6f19bab56d6448ffb2c03ce498558685_Title">
            <a:extLst>
              <a:ext uri="{FF2B5EF4-FFF2-40B4-BE49-F238E27FC236}">
                <a16:creationId xmlns:a16="http://schemas.microsoft.com/office/drawing/2014/main" id="{9698949D-69A6-4E28-B4A5-F934F782E38A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927171" y="3876726"/>
            <a:ext cx="364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un a real time trial with unsuspecting Driver (Record Footage)</a:t>
            </a:r>
          </a:p>
        </p:txBody>
      </p:sp>
      <p:sp>
        <p:nvSpPr>
          <p:cNvPr id="319" name="OTLSHAPE_T_6f19bab56d6448ffb2c03ce498558685_EndDate">
            <a:extLst>
              <a:ext uri="{FF2B5EF4-FFF2-40B4-BE49-F238E27FC236}">
                <a16:creationId xmlns:a16="http://schemas.microsoft.com/office/drawing/2014/main" id="{0B33EF63-C804-4DFE-95BA-42B98C13B72B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462057" y="41488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2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0" name="OTLSHAPE_T_746ab60e97064c9792860d95d45952f3_Shape">
            <a:extLst>
              <a:ext uri="{FF2B5EF4-FFF2-40B4-BE49-F238E27FC236}">
                <a16:creationId xmlns:a16="http://schemas.microsoft.com/office/drawing/2014/main" id="{FDC8D999-764D-415A-B8CD-F52EB219DE26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7480863" y="4661664"/>
            <a:ext cx="14605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" name="OTLSHAPE_T_746ab60e97064c9792860d95d45952f3_ShapePercentage" hidden="1">
            <a:extLst>
              <a:ext uri="{FF2B5EF4-FFF2-40B4-BE49-F238E27FC236}">
                <a16:creationId xmlns:a16="http://schemas.microsoft.com/office/drawing/2014/main" id="{2D00EE13-ED37-418F-861E-6AED44979D3E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9244750" y="703376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" name="OTLSHAPE_T_746ab60e97064c9792860d95d45952f3_Duration" hidden="1">
            <a:extLst>
              <a:ext uri="{FF2B5EF4-FFF2-40B4-BE49-F238E27FC236}">
                <a16:creationId xmlns:a16="http://schemas.microsoft.com/office/drawing/2014/main" id="{C80A6305-4C86-4FAF-8F89-CA7075F75A16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0" y="669273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323" name="OTLSHAPE_T_746ab60e97064c9792860d95d45952f3_TextPercentage" hidden="1">
            <a:extLst>
              <a:ext uri="{FF2B5EF4-FFF2-40B4-BE49-F238E27FC236}">
                <a16:creationId xmlns:a16="http://schemas.microsoft.com/office/drawing/2014/main" id="{7AB3FEA1-6510-4450-9BD7-1BB3EF188E1C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0" y="68477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4" name="OTLSHAPE_T_746ab60e97064c9792860d95d45952f3_JoinedDate" hidden="1">
            <a:extLst>
              <a:ext uri="{FF2B5EF4-FFF2-40B4-BE49-F238E27FC236}">
                <a16:creationId xmlns:a16="http://schemas.microsoft.com/office/drawing/2014/main" id="{8628C0D1-D546-4C70-BE88-29508F9B921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0" y="68477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5" name="OTLSHAPE_T_746ab60e97064c9792860d95d45952f3_StartDate">
            <a:extLst>
              <a:ext uri="{FF2B5EF4-FFF2-40B4-BE49-F238E27FC236}">
                <a16:creationId xmlns:a16="http://schemas.microsoft.com/office/drawing/2014/main" id="{A5E68D6E-278E-4B06-8B69-8493859A26D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881211" y="468575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8/21/2019</a:t>
            </a:r>
          </a:p>
        </p:txBody>
      </p:sp>
      <p:sp>
        <p:nvSpPr>
          <p:cNvPr id="326" name="OTLSHAPE_T_746ab60e97064c9792860d95d45952f3_Title">
            <a:extLst>
              <a:ext uri="{FF2B5EF4-FFF2-40B4-BE49-F238E27FC236}">
                <a16:creationId xmlns:a16="http://schemas.microsoft.com/office/drawing/2014/main" id="{4DC788EE-8444-46C6-914D-556337A11E4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480863" y="4320627"/>
            <a:ext cx="274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Review Data Gathered From Testing and Plan a Second Version of The Prototype</a:t>
            </a:r>
          </a:p>
        </p:txBody>
      </p:sp>
      <p:sp>
        <p:nvSpPr>
          <p:cNvPr id="327" name="OTLSHAPE_T_746ab60e97064c9792860d95d45952f3_EndDate">
            <a:extLst>
              <a:ext uri="{FF2B5EF4-FFF2-40B4-BE49-F238E27FC236}">
                <a16:creationId xmlns:a16="http://schemas.microsoft.com/office/drawing/2014/main" id="{920A6283-0B69-4C3D-9188-7A1C0DC02C7D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984594" y="468575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8/23/2019</a:t>
            </a:r>
          </a:p>
        </p:txBody>
      </p:sp>
      <p:sp>
        <p:nvSpPr>
          <p:cNvPr id="328" name="OTLSHAPE_T_7ebc9c88eacb43658bf1be9320ab4a8f_Shape">
            <a:extLst>
              <a:ext uri="{FF2B5EF4-FFF2-40B4-BE49-F238E27FC236}">
                <a16:creationId xmlns:a16="http://schemas.microsoft.com/office/drawing/2014/main" id="{EB8ACA45-C4CF-4A5A-9FF1-793514E266EE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9111571" y="5352333"/>
            <a:ext cx="14605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9" name="OTLSHAPE_T_7ebc9c88eacb43658bf1be9320ab4a8f_ShapePercentage" hidden="1">
            <a:extLst>
              <a:ext uri="{FF2B5EF4-FFF2-40B4-BE49-F238E27FC236}">
                <a16:creationId xmlns:a16="http://schemas.microsoft.com/office/drawing/2014/main" id="{77CAF787-8D9B-487B-9134-631BC2285531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9244750" y="78120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0" name="OTLSHAPE_T_7ebc9c88eacb43658bf1be9320ab4a8f_Duration" hidden="1">
            <a:extLst>
              <a:ext uri="{FF2B5EF4-FFF2-40B4-BE49-F238E27FC236}">
                <a16:creationId xmlns:a16="http://schemas.microsoft.com/office/drawing/2014/main" id="{BDA784D1-C09A-4BF9-9A8D-F4224EAF067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0" y="730046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331" name="OTLSHAPE_T_7ebc9c88eacb43658bf1be9320ab4a8f_TextPercentage" hidden="1">
            <a:extLst>
              <a:ext uri="{FF2B5EF4-FFF2-40B4-BE49-F238E27FC236}">
                <a16:creationId xmlns:a16="http://schemas.microsoft.com/office/drawing/2014/main" id="{14785598-5BA3-4E1D-95C6-6E2C04542E4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0" y="74554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2" name="OTLSHAPE_T_7ebc9c88eacb43658bf1be9320ab4a8f_JoinedDate" hidden="1">
            <a:extLst>
              <a:ext uri="{FF2B5EF4-FFF2-40B4-BE49-F238E27FC236}">
                <a16:creationId xmlns:a16="http://schemas.microsoft.com/office/drawing/2014/main" id="{E7C2B097-D095-4FAF-BBB1-D70BAA5CC6D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0" y="74554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3" name="OTLSHAPE_T_7ebc9c88eacb43658bf1be9320ab4a8f_StartDate">
            <a:extLst>
              <a:ext uri="{FF2B5EF4-FFF2-40B4-BE49-F238E27FC236}">
                <a16:creationId xmlns:a16="http://schemas.microsoft.com/office/drawing/2014/main" id="{2C0E7A10-96DB-4854-9F37-0E88C57A7C1B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511919" y="537642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8/23/2019</a:t>
            </a:r>
          </a:p>
        </p:txBody>
      </p:sp>
      <p:sp>
        <p:nvSpPr>
          <p:cNvPr id="334" name="OTLSHAPE_T_7ebc9c88eacb43658bf1be9320ab4a8f_Title">
            <a:extLst>
              <a:ext uri="{FF2B5EF4-FFF2-40B4-BE49-F238E27FC236}">
                <a16:creationId xmlns:a16="http://schemas.microsoft.com/office/drawing/2014/main" id="{14A4CC05-1EBF-44EA-BFC6-73102D2A8FFF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9111571" y="4840777"/>
            <a:ext cx="29083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Create Presentation and include Video Footage of the first test, and all data recorded including timeline, models, etc.</a:t>
            </a:r>
          </a:p>
        </p:txBody>
      </p:sp>
      <p:sp>
        <p:nvSpPr>
          <p:cNvPr id="335" name="OTLSHAPE_T_7ebc9c88eacb43658bf1be9320ab4a8f_EndDate">
            <a:extLst>
              <a:ext uri="{FF2B5EF4-FFF2-40B4-BE49-F238E27FC236}">
                <a16:creationId xmlns:a16="http://schemas.microsoft.com/office/drawing/2014/main" id="{72771F08-DA56-4E8A-BD37-2950BFF8BAE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615302" y="537642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8/23/2019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0599779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m51bGwsIlZlcnNpb24iOnsiJGlkIjoiMiIsIlZlcnNpb24iOiIzLjEuMyIsIk9yaWdpbmFsQXNzZW1ibHlWZXJzaW9uIjoiMy42My4wMy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w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xNjIifSwiSWQiOiI0YmQ5MzU4ZC01OWYyLTQ5MzYtYTk1MC00OTc0OGYzZjVhMDIiLCJJbXBvcnRJZCI6bnVsbCwiVGl0bGUiOiJVbmRlcnN0YW5kaW5nIFRoZSBHb2FsIiwiTm90ZSI6bnVsbCwiSHlwZXJsaW5rIjpudWxsLCJJc0NoYW5nZWQiOmZhbHNlLCJJc05ldyI6ZmFsc2V9LHsiJGlkIjoiMTYzIiwiR3JvdXBOYW1lIjpudWxsLCJTdGFydERhdGUiOiIyMDE5LTA4LTA3VDAwOjAwOjAwWiIsIkVuZERhdGUiOiIyMDE5LTA4LTA5VDIzOjU5OjAwWiIsIlBlcmNlbnRhZ2VDb21wbGV0ZSI6bnVsbCwiU3R5bGUiOnsiJGlkIjoiMTY0IiwiU2hhcGUiOjIsIlNoYXBlVGhpY2tuZXNzIjox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MzM3In0sIklkIjoiMWY2NDkxNjktNGM0ZS00MDczLTk3NTQtMDAzZGQ1MzUxMGNkIiwiSW1wb3J0SWQiOm51bGwsIlRpdGxlIjoiQmVnaW4gVGVzdGluZywgR2F0aGVyIERhdGEsIFJlY29yZCBFdmVyeXRoaW5nLiIsIk5vdGUiOm51bGwsIkh5cGVybGluayI6bnVsbCwiSXNDaGFuZ2VkIjpmYWxzZSwiSXNOZXciOmZhbHNlfSx7IiRpZCI6IjMzOCIsIkdyb3VwTmFtZSI6bnVsbCwiU3RhcnREYXRlIjoiMjAxOS0wOC0xOVQwMDowMDowMFoiLCJFbmREYXRlIjoiMjAxOS0wOC0xOVQyMzo1OTowMFoiLCJQZXJjZW50YWdlQ29tcGxldGUiOm51bGwsIlN0eWxlIjp7IiRpZCI6IjMzOSIsIlNoYXBlIjoyLCJTaGFwZVRoaWNrbmVzcyI6MS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MTE3In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DQ3IiwiVXNlVGltZSI6ZmFsc2UsIldvcmtEYXlTdGFydCI6IjAwOjAwOjAwIiwiV29ya0RheUVuZCI6IjIzOjU5OjAwIn0sIkxhc3RVc2VkVGVtcGxhdGVJZCI6ImMxMWY2ZjQ5LTdkYjgtNDVmZC1iYTMyLWJmY2FlYTQ5MmYzOSJ9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3</Words>
  <Application>Microsoft Office PowerPoint</Application>
  <PresentationFormat>Widescreen</PresentationFormat>
  <Paragraphs>35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1-18T23:21:56Z</dcterms:created>
  <dcterms:modified xsi:type="dcterms:W3CDTF">2019-08-05T14:21:36Z</dcterms:modified>
</cp:coreProperties>
</file>